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25" d="100"/>
        <a:sy n="125"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eis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schermopname, Lettertype, Graphics&#10;&#10;Automatisch gegenereerde beschrijving">
            <a:extLst>
              <a:ext uri="{FF2B5EF4-FFF2-40B4-BE49-F238E27FC236}">
                <a16:creationId xmlns:a16="http://schemas.microsoft.com/office/drawing/2014/main" id="{F9A61994-408D-0AD9-33FC-C14F127C95F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88273" y="4372625"/>
            <a:ext cx="1409334" cy="225493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schermopname, Lettertype, Graphics&#10;&#10;Automatisch gegenereerde beschrijving">
            <a:extLst>
              <a:ext uri="{FF2B5EF4-FFF2-40B4-BE49-F238E27FC236}">
                <a16:creationId xmlns:a16="http://schemas.microsoft.com/office/drawing/2014/main" id="{4012DB6F-FFF5-4BBB-B413-3E64D604E4E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680138" y="3712021"/>
            <a:ext cx="997139" cy="159542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0-14T09:45:15Z</dcterms:modified>
</cp:coreProperties>
</file>